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u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E6C2631-07CD-9F87-8209-6057546BC8A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220" y="4494087"/>
            <a:ext cx="1672049"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667CD35-8A7D-5BCC-D3D2-0F2B5E0D621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7459" y="3882101"/>
            <a:ext cx="1162329"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3-04T13:42:21Z</dcterms:modified>
</cp:coreProperties>
</file>